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9400\common\R3衆議\H.大塚\09 18・19歳調査\03 HP更新\"/>
    </mc:Choice>
  </mc:AlternateContent>
  <bookViews>
    <workbookView xWindow="0" yWindow="0" windowWidth="28800" windowHeight="12432"/>
  </bookViews>
  <sheets>
    <sheet name="Sheet1" sheetId="1" r:id="rId1"/>
  </sheets>
  <definedNames>
    <definedName name="_xlnm.Print_Area" localSheetId="0">Sheet1!$B$1:$M$4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11" i="1" l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</calcChain>
</file>

<file path=xl/sharedStrings.xml><?xml version="1.0" encoding="utf-8"?>
<sst xmlns="http://schemas.openxmlformats.org/spreadsheetml/2006/main" count="51" uniqueCount="45">
  <si>
    <t xml:space="preserve">      区  分</t>
    <rPh sb="6" eb="10">
      <t>クブン</t>
    </rPh>
    <phoneticPr fontId="6"/>
  </si>
  <si>
    <t>選挙当日有権者数</t>
    <rPh sb="0" eb="2">
      <t>センキョ</t>
    </rPh>
    <rPh sb="2" eb="4">
      <t>トウジツ</t>
    </rPh>
    <rPh sb="4" eb="7">
      <t>ユウケンシャ</t>
    </rPh>
    <rPh sb="7" eb="8">
      <t>スウ</t>
    </rPh>
    <phoneticPr fontId="6"/>
  </si>
  <si>
    <t>投票者数</t>
    <rPh sb="0" eb="3">
      <t>トウヒョウシャ</t>
    </rPh>
    <rPh sb="3" eb="4">
      <t>スウ</t>
    </rPh>
    <phoneticPr fontId="3"/>
  </si>
  <si>
    <t>投票率</t>
    <rPh sb="0" eb="3">
      <t>トウヒョウリツ</t>
    </rPh>
    <phoneticPr fontId="3"/>
  </si>
  <si>
    <t>市区町村名</t>
    <rPh sb="0" eb="4">
      <t>シクチョウソン</t>
    </rPh>
    <rPh sb="4" eb="5">
      <t>メイ</t>
    </rPh>
    <phoneticPr fontId="6"/>
  </si>
  <si>
    <t>18歳</t>
    <rPh sb="2" eb="3">
      <t>サイ</t>
    </rPh>
    <phoneticPr fontId="3"/>
  </si>
  <si>
    <t>19歳</t>
    <rPh sb="2" eb="3">
      <t>サイ</t>
    </rPh>
    <phoneticPr fontId="3"/>
  </si>
  <si>
    <t>計</t>
    <rPh sb="0" eb="1">
      <t>ケイ</t>
    </rPh>
    <phoneticPr fontId="3"/>
  </si>
  <si>
    <t>横浜市</t>
    <phoneticPr fontId="3"/>
  </si>
  <si>
    <t>川崎市</t>
    <phoneticPr fontId="3"/>
  </si>
  <si>
    <t>相模原市</t>
    <phoneticPr fontId="3"/>
  </si>
  <si>
    <t>横須賀市</t>
    <phoneticPr fontId="3"/>
  </si>
  <si>
    <t>平塚市</t>
    <phoneticPr fontId="3"/>
  </si>
  <si>
    <t>鎌倉市</t>
    <phoneticPr fontId="3"/>
  </si>
  <si>
    <t>藤沢市</t>
  </si>
  <si>
    <t>小田原市</t>
  </si>
  <si>
    <t>茅ケ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　山　町</t>
  </si>
  <si>
    <t>寒　川　町</t>
  </si>
  <si>
    <t>大　磯　町</t>
  </si>
  <si>
    <t>二　宮　町</t>
  </si>
  <si>
    <t>中　井　町</t>
  </si>
  <si>
    <t>大　井　町</t>
  </si>
  <si>
    <t>松　田　町</t>
  </si>
  <si>
    <t>山　北　町</t>
  </si>
  <si>
    <t>開　成　町</t>
  </si>
  <si>
    <t>箱　根　町</t>
  </si>
  <si>
    <t>真　鶴　町</t>
  </si>
  <si>
    <t>湯河原町</t>
    <phoneticPr fontId="6"/>
  </si>
  <si>
    <t>愛　川　町</t>
  </si>
  <si>
    <t>清　川　村</t>
  </si>
  <si>
    <t>市部計</t>
  </si>
  <si>
    <t>郡部計</t>
  </si>
  <si>
    <t>県計</t>
  </si>
  <si>
    <t>第49回衆議院議員総選挙（小選挙区選出議員選挙）に係る18歳、19歳の選挙人の投票者数等</t>
    <rPh sb="0" eb="1">
      <t>ダイ</t>
    </rPh>
    <rPh sb="3" eb="4">
      <t>カイ</t>
    </rPh>
    <rPh sb="4" eb="12">
      <t>シュウギインギインソウセンキョ</t>
    </rPh>
    <rPh sb="13" eb="17">
      <t>ショウセンキョク</t>
    </rPh>
    <rPh sb="17" eb="19">
      <t>センシュツ</t>
    </rPh>
    <rPh sb="19" eb="21">
      <t>ギイン</t>
    </rPh>
    <rPh sb="21" eb="23">
      <t>センキョ</t>
    </rPh>
    <rPh sb="25" eb="26">
      <t>カカ</t>
    </rPh>
    <rPh sb="29" eb="30">
      <t>サイ</t>
    </rPh>
    <rPh sb="33" eb="34">
      <t>サイ</t>
    </rPh>
    <rPh sb="35" eb="38">
      <t>センキョニン</t>
    </rPh>
    <rPh sb="39" eb="42">
      <t>トウヒョウシャ</t>
    </rPh>
    <rPh sb="42" eb="43">
      <t>スウ</t>
    </rPh>
    <rPh sb="43" eb="44">
      <t>ト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#"/>
    <numFmt numFmtId="177" formatCode="#,###.00"/>
    <numFmt numFmtId="178" formatCode="#,###.000"/>
    <numFmt numFmtId="179" formatCode="0.00;&quot;△ &quot;0.00"/>
  </numFmts>
  <fonts count="11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8"/>
      <name val="ＭＳ 明朝"/>
      <family val="1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明朝"/>
      <family val="1"/>
      <charset val="128"/>
    </font>
    <font>
      <sz val="9"/>
      <name val="ＭＳ 明朝"/>
      <family val="1"/>
      <charset val="128"/>
    </font>
    <font>
      <sz val="13"/>
      <name val="ＭＳ 明朝"/>
      <family val="1"/>
      <charset val="128"/>
    </font>
    <font>
      <b/>
      <sz val="8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65">
    <xf numFmtId="0" fontId="0" fillId="0" borderId="0" xfId="0">
      <alignment vertical="center"/>
    </xf>
    <xf numFmtId="176" fontId="2" fillId="0" borderId="0" xfId="1" applyNumberFormat="1" applyFont="1" applyFill="1" applyAlignment="1">
      <alignment vertical="center"/>
    </xf>
    <xf numFmtId="176" fontId="4" fillId="0" borderId="0" xfId="1" applyNumberFormat="1" applyFont="1" applyFill="1" applyAlignment="1">
      <alignment horizontal="center" vertical="center"/>
    </xf>
    <xf numFmtId="176" fontId="2" fillId="0" borderId="0" xfId="1" applyNumberFormat="1" applyFont="1" applyFill="1" applyAlignment="1">
      <alignment horizontal="center" vertical="center"/>
    </xf>
    <xf numFmtId="176" fontId="5" fillId="0" borderId="0" xfId="1" applyNumberFormat="1" applyFont="1" applyFill="1" applyAlignment="1">
      <alignment horizontal="left" vertical="center"/>
    </xf>
    <xf numFmtId="176" fontId="4" fillId="0" borderId="1" xfId="1" applyNumberFormat="1" applyFont="1" applyFill="1" applyBorder="1" applyAlignment="1">
      <alignment vertical="center"/>
    </xf>
    <xf numFmtId="176" fontId="4" fillId="0" borderId="2" xfId="1" applyNumberFormat="1" applyFont="1" applyFill="1" applyBorder="1" applyAlignment="1">
      <alignment horizontal="right" vertical="top"/>
    </xf>
    <xf numFmtId="176" fontId="4" fillId="0" borderId="2" xfId="1" quotePrefix="1" applyNumberFormat="1" applyFont="1" applyFill="1" applyBorder="1" applyAlignment="1">
      <alignment horizontal="left" vertical="center"/>
    </xf>
    <xf numFmtId="176" fontId="4" fillId="0" borderId="7" xfId="1" applyNumberFormat="1" applyFont="1" applyFill="1" applyBorder="1" applyAlignment="1"/>
    <xf numFmtId="176" fontId="4" fillId="0" borderId="8" xfId="1" applyNumberFormat="1" applyFont="1" applyFill="1" applyBorder="1" applyAlignment="1">
      <alignment vertical="center"/>
    </xf>
    <xf numFmtId="176" fontId="4" fillId="0" borderId="8" xfId="1" applyNumberFormat="1" applyFont="1" applyFill="1" applyBorder="1" applyAlignment="1">
      <alignment horizontal="center" vertical="center"/>
    </xf>
    <xf numFmtId="176" fontId="4" fillId="0" borderId="9" xfId="1" applyNumberFormat="1" applyFont="1" applyFill="1" applyBorder="1" applyAlignment="1">
      <alignment horizontal="center" vertical="center" wrapText="1"/>
    </xf>
    <xf numFmtId="176" fontId="4" fillId="0" borderId="10" xfId="1" applyNumberFormat="1" applyFont="1" applyFill="1" applyBorder="1" applyAlignment="1">
      <alignment horizontal="center" vertical="center" wrapText="1"/>
    </xf>
    <xf numFmtId="176" fontId="7" fillId="0" borderId="0" xfId="1" applyNumberFormat="1" applyFont="1" applyFill="1" applyBorder="1" applyAlignment="1">
      <alignment horizontal="center" vertical="center" wrapText="1"/>
    </xf>
    <xf numFmtId="176" fontId="4" fillId="0" borderId="11" xfId="1" applyNumberFormat="1" applyFont="1" applyFill="1" applyBorder="1" applyAlignment="1">
      <alignment vertical="center"/>
    </xf>
    <xf numFmtId="176" fontId="4" fillId="0" borderId="0" xfId="1" applyNumberFormat="1" applyFont="1" applyFill="1" applyBorder="1" applyAlignment="1">
      <alignment horizontal="distributed" vertical="center"/>
    </xf>
    <xf numFmtId="3" fontId="4" fillId="0" borderId="12" xfId="0" applyNumberFormat="1" applyFont="1" applyFill="1" applyBorder="1" applyAlignment="1" applyProtection="1">
      <alignment vertical="center"/>
      <protection locked="0"/>
    </xf>
    <xf numFmtId="2" fontId="4" fillId="0" borderId="12" xfId="0" applyNumberFormat="1" applyFont="1" applyFill="1" applyBorder="1" applyAlignment="1" applyProtection="1">
      <alignment horizontal="right" vertical="center"/>
      <protection locked="0"/>
    </xf>
    <xf numFmtId="2" fontId="4" fillId="0" borderId="13" xfId="0" applyNumberFormat="1" applyFont="1" applyFill="1" applyBorder="1" applyAlignment="1" applyProtection="1">
      <alignment horizontal="right" vertical="center"/>
      <protection locked="0"/>
    </xf>
    <xf numFmtId="2" fontId="2" fillId="0" borderId="0" xfId="0" applyNumberFormat="1" applyFont="1" applyFill="1" applyBorder="1" applyAlignment="1" applyProtection="1">
      <alignment horizontal="right" vertical="center"/>
      <protection locked="0"/>
    </xf>
    <xf numFmtId="177" fontId="2" fillId="0" borderId="0" xfId="1" applyNumberFormat="1" applyFont="1" applyFill="1" applyAlignment="1">
      <alignment vertical="center"/>
    </xf>
    <xf numFmtId="176" fontId="4" fillId="0" borderId="14" xfId="1" applyNumberFormat="1" applyFont="1" applyFill="1" applyBorder="1" applyAlignment="1">
      <alignment vertical="center"/>
    </xf>
    <xf numFmtId="176" fontId="4" fillId="0" borderId="15" xfId="1" applyNumberFormat="1" applyFont="1" applyFill="1" applyBorder="1" applyAlignment="1">
      <alignment horizontal="distributed" vertical="center"/>
    </xf>
    <xf numFmtId="3" fontId="4" fillId="0" borderId="16" xfId="0" applyNumberFormat="1" applyFont="1" applyFill="1" applyBorder="1" applyAlignment="1" applyProtection="1">
      <alignment vertical="center"/>
      <protection locked="0"/>
    </xf>
    <xf numFmtId="2" fontId="2" fillId="0" borderId="0" xfId="0" applyNumberFormat="1" applyFont="1" applyFill="1" applyBorder="1" applyAlignment="1">
      <alignment horizontal="right" vertical="center"/>
    </xf>
    <xf numFmtId="176" fontId="4" fillId="0" borderId="18" xfId="1" applyNumberFormat="1" applyFont="1" applyFill="1" applyBorder="1" applyAlignment="1">
      <alignment vertical="center"/>
    </xf>
    <xf numFmtId="176" fontId="4" fillId="0" borderId="19" xfId="1" applyNumberFormat="1" applyFont="1" applyFill="1" applyBorder="1" applyAlignment="1">
      <alignment horizontal="distributed" vertical="center"/>
    </xf>
    <xf numFmtId="3" fontId="4" fillId="0" borderId="20" xfId="0" applyNumberFormat="1" applyFont="1" applyFill="1" applyBorder="1" applyAlignment="1" applyProtection="1">
      <alignment vertical="center"/>
      <protection locked="0"/>
    </xf>
    <xf numFmtId="176" fontId="4" fillId="0" borderId="21" xfId="1" applyNumberFormat="1" applyFont="1" applyFill="1" applyBorder="1" applyAlignment="1">
      <alignment vertical="center"/>
    </xf>
    <xf numFmtId="176" fontId="4" fillId="0" borderId="22" xfId="1" quotePrefix="1" applyNumberFormat="1" applyFont="1" applyFill="1" applyBorder="1" applyAlignment="1">
      <alignment horizontal="distributed" vertical="center"/>
    </xf>
    <xf numFmtId="176" fontId="4" fillId="0" borderId="15" xfId="1" quotePrefix="1" applyNumberFormat="1" applyFont="1" applyFill="1" applyBorder="1" applyAlignment="1">
      <alignment horizontal="distributed" vertical="center"/>
    </xf>
    <xf numFmtId="176" fontId="4" fillId="0" borderId="23" xfId="1" quotePrefix="1" applyNumberFormat="1" applyFont="1" applyFill="1" applyBorder="1" applyAlignment="1">
      <alignment horizontal="distributed" vertical="center"/>
    </xf>
    <xf numFmtId="176" fontId="4" fillId="0" borderId="0" xfId="1" quotePrefix="1" applyNumberFormat="1" applyFont="1" applyFill="1" applyBorder="1" applyAlignment="1">
      <alignment horizontal="distributed" vertical="center"/>
    </xf>
    <xf numFmtId="178" fontId="2" fillId="0" borderId="0" xfId="1" applyNumberFormat="1" applyFont="1" applyFill="1" applyAlignment="1">
      <alignment vertical="center"/>
    </xf>
    <xf numFmtId="176" fontId="4" fillId="0" borderId="19" xfId="1" quotePrefix="1" applyNumberFormat="1" applyFont="1" applyFill="1" applyBorder="1" applyAlignment="1">
      <alignment horizontal="distributed" vertical="center"/>
    </xf>
    <xf numFmtId="176" fontId="8" fillId="0" borderId="0" xfId="1" applyNumberFormat="1" applyFont="1" applyFill="1" applyAlignment="1">
      <alignment horizontal="center" vertical="center"/>
    </xf>
    <xf numFmtId="176" fontId="4" fillId="0" borderId="0" xfId="1" applyNumberFormat="1" applyFont="1" applyFill="1" applyAlignment="1">
      <alignment horizontal="left" vertical="center"/>
    </xf>
    <xf numFmtId="176" fontId="9" fillId="0" borderId="0" xfId="1" applyNumberFormat="1" applyFont="1" applyFill="1" applyAlignment="1">
      <alignment vertical="center"/>
    </xf>
    <xf numFmtId="176" fontId="9" fillId="0" borderId="0" xfId="1" applyNumberFormat="1" applyFont="1" applyFill="1" applyAlignment="1">
      <alignment horizontal="left" vertical="center"/>
    </xf>
    <xf numFmtId="0" fontId="10" fillId="0" borderId="0" xfId="0" applyFont="1" applyBorder="1" applyAlignment="1">
      <alignment horizontal="center" vertical="center"/>
    </xf>
    <xf numFmtId="3" fontId="4" fillId="0" borderId="12" xfId="0" applyNumberFormat="1" applyFont="1" applyFill="1" applyBorder="1" applyAlignment="1">
      <alignment vertical="center"/>
    </xf>
    <xf numFmtId="0" fontId="2" fillId="0" borderId="0" xfId="0" applyNumberFormat="1" applyFont="1" applyFill="1" applyBorder="1" applyAlignment="1">
      <alignment vertical="center"/>
    </xf>
    <xf numFmtId="3" fontId="4" fillId="0" borderId="16" xfId="0" applyNumberFormat="1" applyFont="1" applyFill="1" applyBorder="1" applyAlignment="1">
      <alignment vertical="center"/>
    </xf>
    <xf numFmtId="0" fontId="4" fillId="0" borderId="16" xfId="0" applyNumberFormat="1" applyFont="1" applyFill="1" applyBorder="1" applyAlignment="1">
      <alignment vertical="center"/>
    </xf>
    <xf numFmtId="176" fontId="4" fillId="0" borderId="7" xfId="1" applyNumberFormat="1" applyFont="1" applyFill="1" applyBorder="1" applyAlignment="1">
      <alignment vertical="center"/>
    </xf>
    <xf numFmtId="176" fontId="4" fillId="0" borderId="24" xfId="1" applyNumberFormat="1" applyFont="1" applyFill="1" applyBorder="1" applyAlignment="1">
      <alignment horizontal="distributed" vertical="center"/>
    </xf>
    <xf numFmtId="176" fontId="4" fillId="0" borderId="8" xfId="1" applyNumberFormat="1" applyFont="1" applyFill="1" applyBorder="1" applyAlignment="1">
      <alignment horizontal="distributed" vertical="center"/>
    </xf>
    <xf numFmtId="3" fontId="4" fillId="0" borderId="9" xfId="0" applyNumberFormat="1" applyFont="1" applyFill="1" applyBorder="1" applyAlignment="1">
      <alignment vertical="center"/>
    </xf>
    <xf numFmtId="0" fontId="4" fillId="0" borderId="9" xfId="0" applyNumberFormat="1" applyFont="1" applyFill="1" applyBorder="1" applyAlignment="1">
      <alignment vertical="center"/>
    </xf>
    <xf numFmtId="0" fontId="4" fillId="0" borderId="10" xfId="0" applyNumberFormat="1" applyFont="1" applyFill="1" applyBorder="1" applyAlignment="1">
      <alignment vertical="center"/>
    </xf>
    <xf numFmtId="179" fontId="4" fillId="0" borderId="17" xfId="0" applyNumberFormat="1" applyFont="1" applyFill="1" applyBorder="1" applyAlignment="1">
      <alignment vertical="center"/>
    </xf>
    <xf numFmtId="2" fontId="4" fillId="0" borderId="26" xfId="0" applyNumberFormat="1" applyFont="1" applyFill="1" applyBorder="1" applyAlignment="1" applyProtection="1">
      <alignment horizontal="right" vertical="center"/>
      <protection locked="0"/>
    </xf>
    <xf numFmtId="2" fontId="4" fillId="0" borderId="27" xfId="0" applyNumberFormat="1" applyFont="1" applyFill="1" applyBorder="1" applyAlignment="1" applyProtection="1">
      <alignment horizontal="right" vertical="center"/>
      <protection locked="0"/>
    </xf>
    <xf numFmtId="2" fontId="4" fillId="0" borderId="28" xfId="0" applyNumberFormat="1" applyFont="1" applyFill="1" applyBorder="1" applyAlignment="1" applyProtection="1">
      <alignment horizontal="right" vertical="center"/>
      <protection locked="0"/>
    </xf>
    <xf numFmtId="2" fontId="4" fillId="0" borderId="25" xfId="0" applyNumberFormat="1" applyFont="1" applyFill="1" applyBorder="1" applyAlignment="1" applyProtection="1">
      <alignment horizontal="right" vertical="center"/>
      <protection locked="0"/>
    </xf>
    <xf numFmtId="0" fontId="4" fillId="0" borderId="28" xfId="0" applyNumberFormat="1" applyFont="1" applyFill="1" applyBorder="1" applyAlignment="1">
      <alignment vertical="center"/>
    </xf>
    <xf numFmtId="0" fontId="4" fillId="0" borderId="25" xfId="0" applyNumberFormat="1" applyFont="1" applyFill="1" applyBorder="1" applyAlignment="1">
      <alignment vertical="center"/>
    </xf>
    <xf numFmtId="179" fontId="4" fillId="0" borderId="9" xfId="0" applyNumberFormat="1" applyFont="1" applyFill="1" applyBorder="1" applyAlignment="1">
      <alignment vertical="center"/>
    </xf>
    <xf numFmtId="176" fontId="8" fillId="0" borderId="0" xfId="1" applyNumberFormat="1" applyFont="1" applyFill="1" applyAlignment="1">
      <alignment horizontal="center" vertical="center"/>
    </xf>
    <xf numFmtId="176" fontId="4" fillId="0" borderId="3" xfId="1" applyNumberFormat="1" applyFont="1" applyFill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176" fontId="4" fillId="0" borderId="4" xfId="1" applyNumberFormat="1" applyFont="1" applyFill="1" applyBorder="1" applyAlignment="1">
      <alignment horizontal="center" vertical="center"/>
    </xf>
    <xf numFmtId="176" fontId="4" fillId="0" borderId="5" xfId="1" applyNumberFormat="1" applyFont="1" applyFill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3" fontId="4" fillId="0" borderId="9" xfId="0" applyNumberFormat="1" applyFont="1" applyFill="1" applyBorder="1" applyAlignment="1" applyProtection="1">
      <alignment vertical="center"/>
      <protection locked="0"/>
    </xf>
  </cellXfs>
  <cellStyles count="2">
    <cellStyle name="標準" xfId="0" builtinId="0"/>
    <cellStyle name="標準_総括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71450</xdr:colOff>
      <xdr:row>4</xdr:row>
      <xdr:rowOff>0</xdr:rowOff>
    </xdr:from>
    <xdr:to>
      <xdr:col>4</xdr:col>
      <xdr:colOff>0</xdr:colOff>
      <xdr:row>6</xdr:row>
      <xdr:rowOff>0</xdr:rowOff>
    </xdr:to>
    <xdr:sp macro="" textlink="">
      <xdr:nvSpPr>
        <xdr:cNvPr id="2" name="Line 2"/>
        <xdr:cNvSpPr>
          <a:spLocks noChangeShapeType="1"/>
        </xdr:cNvSpPr>
      </xdr:nvSpPr>
      <xdr:spPr bwMode="auto">
        <a:xfrm>
          <a:off x="342900" y="476250"/>
          <a:ext cx="1257300" cy="6381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56"/>
  <sheetViews>
    <sheetView tabSelected="1" view="pageBreakPreview" zoomScale="93" zoomScaleNormal="100" zoomScaleSheetLayoutView="93" workbookViewId="0">
      <selection activeCell="H42" sqref="H42"/>
    </sheetView>
  </sheetViews>
  <sheetFormatPr defaultColWidth="9" defaultRowHeight="9.6"/>
  <cols>
    <col min="1" max="1" width="2.3984375" style="1" customWidth="1"/>
    <col min="2" max="2" width="1.09765625" style="1" customWidth="1"/>
    <col min="3" max="3" width="14" style="1" customWidth="1"/>
    <col min="4" max="4" width="1.19921875" style="1" customWidth="1"/>
    <col min="5" max="13" width="8.5" style="1" customWidth="1"/>
    <col min="14" max="15" width="8.09765625" style="1" customWidth="1"/>
    <col min="16" max="16384" width="9" style="1"/>
  </cols>
  <sheetData>
    <row r="1" spans="1:21" ht="8.25" customHeight="1">
      <c r="K1" s="2"/>
      <c r="L1" s="2"/>
      <c r="M1" s="2"/>
      <c r="N1" s="2"/>
      <c r="O1" s="2"/>
    </row>
    <row r="2" spans="1:21" ht="20.25" customHeight="1">
      <c r="B2" s="58" t="s">
        <v>44</v>
      </c>
      <c r="C2" s="58"/>
      <c r="D2" s="58"/>
      <c r="E2" s="58"/>
      <c r="F2" s="58"/>
      <c r="G2" s="58"/>
      <c r="H2" s="58"/>
      <c r="I2" s="58"/>
      <c r="J2" s="58"/>
      <c r="K2" s="58"/>
      <c r="L2" s="58"/>
      <c r="M2" s="58"/>
      <c r="N2" s="35"/>
      <c r="O2" s="35"/>
    </row>
    <row r="3" spans="1:21" ht="6" customHeight="1">
      <c r="A3" s="36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</row>
    <row r="4" spans="1:21" s="37" customFormat="1" ht="3" customHeight="1" thickBot="1">
      <c r="B4" s="4"/>
      <c r="D4" s="38"/>
    </row>
    <row r="5" spans="1:21" ht="30" customHeight="1">
      <c r="B5" s="5"/>
      <c r="C5" s="6" t="s">
        <v>0</v>
      </c>
      <c r="D5" s="7"/>
      <c r="E5" s="59" t="s">
        <v>1</v>
      </c>
      <c r="F5" s="60"/>
      <c r="G5" s="60"/>
      <c r="H5" s="59" t="s">
        <v>2</v>
      </c>
      <c r="I5" s="61"/>
      <c r="J5" s="62"/>
      <c r="K5" s="61" t="s">
        <v>3</v>
      </c>
      <c r="L5" s="60"/>
      <c r="M5" s="63"/>
      <c r="N5" s="39"/>
      <c r="O5" s="39"/>
    </row>
    <row r="6" spans="1:21" ht="20.25" customHeight="1" thickBot="1">
      <c r="B6" s="8" t="s">
        <v>4</v>
      </c>
      <c r="C6" s="9"/>
      <c r="D6" s="10"/>
      <c r="E6" s="11" t="s">
        <v>5</v>
      </c>
      <c r="F6" s="11" t="s">
        <v>6</v>
      </c>
      <c r="G6" s="11" t="s">
        <v>7</v>
      </c>
      <c r="H6" s="11" t="s">
        <v>5</v>
      </c>
      <c r="I6" s="11" t="s">
        <v>6</v>
      </c>
      <c r="J6" s="11" t="s">
        <v>7</v>
      </c>
      <c r="K6" s="11" t="s">
        <v>5</v>
      </c>
      <c r="L6" s="11" t="s">
        <v>6</v>
      </c>
      <c r="M6" s="12" t="s">
        <v>7</v>
      </c>
      <c r="N6" s="13"/>
      <c r="O6" s="13"/>
    </row>
    <row r="7" spans="1:21" ht="24" customHeight="1">
      <c r="A7" s="1">
        <v>1</v>
      </c>
      <c r="B7" s="14"/>
      <c r="C7" s="15" t="s">
        <v>8</v>
      </c>
      <c r="D7" s="15"/>
      <c r="E7" s="16">
        <v>32661</v>
      </c>
      <c r="F7" s="16">
        <v>35059</v>
      </c>
      <c r="G7" s="16">
        <v>67720</v>
      </c>
      <c r="H7" s="16">
        <v>16624</v>
      </c>
      <c r="I7" s="16">
        <v>15204</v>
      </c>
      <c r="J7" s="16">
        <v>31828</v>
      </c>
      <c r="K7" s="17">
        <v>50.9</v>
      </c>
      <c r="L7" s="17">
        <v>43.37</v>
      </c>
      <c r="M7" s="18">
        <v>47</v>
      </c>
      <c r="N7" s="19"/>
      <c r="O7" s="19"/>
      <c r="P7" s="20"/>
      <c r="Q7" s="20"/>
      <c r="R7" s="20"/>
      <c r="S7" s="20"/>
      <c r="T7" s="20"/>
      <c r="U7" s="20"/>
    </row>
    <row r="8" spans="1:21" ht="24" customHeight="1">
      <c r="A8" s="1">
        <v>2</v>
      </c>
      <c r="B8" s="21"/>
      <c r="C8" s="22" t="s">
        <v>9</v>
      </c>
      <c r="D8" s="22"/>
      <c r="E8" s="23">
        <v>12284</v>
      </c>
      <c r="F8" s="23">
        <v>13178</v>
      </c>
      <c r="G8" s="23">
        <v>25462</v>
      </c>
      <c r="H8" s="23">
        <v>6967</v>
      </c>
      <c r="I8" s="23">
        <v>6573</v>
      </c>
      <c r="J8" s="23">
        <v>13540</v>
      </c>
      <c r="K8" s="17">
        <v>56.72</v>
      </c>
      <c r="L8" s="17">
        <v>49.88</v>
      </c>
      <c r="M8" s="18">
        <v>53.18</v>
      </c>
      <c r="N8" s="19"/>
      <c r="O8" s="19"/>
      <c r="P8" s="20"/>
      <c r="Q8" s="20"/>
      <c r="R8" s="20"/>
      <c r="S8" s="20"/>
      <c r="T8" s="20"/>
      <c r="U8" s="20"/>
    </row>
    <row r="9" spans="1:21" ht="24" customHeight="1">
      <c r="A9" s="1">
        <v>3</v>
      </c>
      <c r="B9" s="21"/>
      <c r="C9" s="22" t="s">
        <v>10</v>
      </c>
      <c r="D9" s="22"/>
      <c r="E9" s="23">
        <v>6307</v>
      </c>
      <c r="F9" s="23">
        <v>6767</v>
      </c>
      <c r="G9" s="23">
        <v>13074</v>
      </c>
      <c r="H9" s="23">
        <v>3216</v>
      </c>
      <c r="I9" s="23">
        <v>3045</v>
      </c>
      <c r="J9" s="23">
        <v>6261</v>
      </c>
      <c r="K9" s="17">
        <v>50.99</v>
      </c>
      <c r="L9" s="17">
        <v>45</v>
      </c>
      <c r="M9" s="18">
        <v>47.89</v>
      </c>
      <c r="N9" s="24"/>
      <c r="O9" s="24"/>
      <c r="P9" s="20"/>
      <c r="Q9" s="20"/>
      <c r="R9" s="20"/>
      <c r="S9" s="20"/>
      <c r="T9" s="20"/>
      <c r="U9" s="20"/>
    </row>
    <row r="10" spans="1:21" ht="24" customHeight="1">
      <c r="A10" s="1">
        <v>4</v>
      </c>
      <c r="B10" s="21"/>
      <c r="C10" s="22" t="s">
        <v>11</v>
      </c>
      <c r="D10" s="22"/>
      <c r="E10" s="23">
        <v>4164</v>
      </c>
      <c r="F10" s="23">
        <v>4309</v>
      </c>
      <c r="G10" s="23">
        <v>8473</v>
      </c>
      <c r="H10" s="23">
        <v>1929</v>
      </c>
      <c r="I10" s="23">
        <v>1628</v>
      </c>
      <c r="J10" s="23">
        <v>3557</v>
      </c>
      <c r="K10" s="17">
        <v>46.33</v>
      </c>
      <c r="L10" s="17">
        <v>37.78</v>
      </c>
      <c r="M10" s="18">
        <v>41.98</v>
      </c>
      <c r="N10" s="24"/>
      <c r="O10" s="24"/>
      <c r="P10" s="20"/>
      <c r="Q10" s="20"/>
      <c r="R10" s="20"/>
      <c r="S10" s="20"/>
      <c r="T10" s="20"/>
      <c r="U10" s="20"/>
    </row>
    <row r="11" spans="1:21" ht="24" customHeight="1">
      <c r="A11" s="1">
        <f>+A10+1</f>
        <v>5</v>
      </c>
      <c r="B11" s="14"/>
      <c r="C11" s="15" t="s">
        <v>12</v>
      </c>
      <c r="D11" s="15"/>
      <c r="E11" s="23">
        <v>2452</v>
      </c>
      <c r="F11" s="23">
        <v>2377</v>
      </c>
      <c r="G11" s="23">
        <v>4829</v>
      </c>
      <c r="H11" s="23">
        <v>1273</v>
      </c>
      <c r="I11" s="23">
        <v>983</v>
      </c>
      <c r="J11" s="23">
        <v>2256</v>
      </c>
      <c r="K11" s="17">
        <v>51.92</v>
      </c>
      <c r="L11" s="17">
        <v>41.35</v>
      </c>
      <c r="M11" s="18">
        <v>46.72</v>
      </c>
      <c r="N11" s="24"/>
      <c r="O11" s="24"/>
      <c r="P11" s="20"/>
      <c r="Q11" s="20"/>
      <c r="R11" s="20"/>
      <c r="S11" s="20"/>
      <c r="T11" s="20"/>
      <c r="U11" s="20"/>
    </row>
    <row r="12" spans="1:21" ht="24" customHeight="1">
      <c r="A12" s="1">
        <f t="shared" ref="A12:A39" si="0">+A11+1</f>
        <v>6</v>
      </c>
      <c r="B12" s="21"/>
      <c r="C12" s="22" t="s">
        <v>13</v>
      </c>
      <c r="D12" s="22"/>
      <c r="E12" s="23">
        <v>1561</v>
      </c>
      <c r="F12" s="23">
        <v>1523</v>
      </c>
      <c r="G12" s="23">
        <v>3084</v>
      </c>
      <c r="H12" s="23">
        <v>877</v>
      </c>
      <c r="I12" s="23">
        <v>750</v>
      </c>
      <c r="J12" s="23">
        <v>1627</v>
      </c>
      <c r="K12" s="17">
        <v>56.18</v>
      </c>
      <c r="L12" s="17">
        <v>49.24</v>
      </c>
      <c r="M12" s="18">
        <v>52.76</v>
      </c>
      <c r="N12" s="24"/>
      <c r="O12" s="24"/>
      <c r="P12" s="20"/>
      <c r="Q12" s="20"/>
      <c r="R12" s="20"/>
      <c r="S12" s="20"/>
      <c r="T12" s="20"/>
      <c r="U12" s="20"/>
    </row>
    <row r="13" spans="1:21" ht="24" customHeight="1">
      <c r="A13" s="1">
        <f t="shared" si="0"/>
        <v>7</v>
      </c>
      <c r="B13" s="14"/>
      <c r="C13" s="15" t="s">
        <v>14</v>
      </c>
      <c r="D13" s="15"/>
      <c r="E13" s="23">
        <v>4138</v>
      </c>
      <c r="F13" s="23">
        <v>4210</v>
      </c>
      <c r="G13" s="23">
        <v>8348</v>
      </c>
      <c r="H13" s="23">
        <v>2213</v>
      </c>
      <c r="I13" s="23">
        <v>1955</v>
      </c>
      <c r="J13" s="23">
        <v>4168</v>
      </c>
      <c r="K13" s="17">
        <v>53.48</v>
      </c>
      <c r="L13" s="17">
        <v>46.44</v>
      </c>
      <c r="M13" s="18">
        <v>49.93</v>
      </c>
      <c r="N13" s="24"/>
      <c r="O13" s="24"/>
      <c r="P13" s="20"/>
      <c r="Q13" s="20"/>
      <c r="R13" s="20"/>
      <c r="S13" s="20"/>
      <c r="T13" s="20"/>
      <c r="U13" s="20"/>
    </row>
    <row r="14" spans="1:21" ht="24" customHeight="1">
      <c r="A14" s="1">
        <f t="shared" si="0"/>
        <v>8</v>
      </c>
      <c r="B14" s="21"/>
      <c r="C14" s="22" t="s">
        <v>15</v>
      </c>
      <c r="D14" s="22"/>
      <c r="E14" s="23">
        <v>1756</v>
      </c>
      <c r="F14" s="23">
        <v>1841</v>
      </c>
      <c r="G14" s="23">
        <v>3597</v>
      </c>
      <c r="H14" s="23">
        <v>869</v>
      </c>
      <c r="I14" s="23">
        <v>782</v>
      </c>
      <c r="J14" s="23">
        <v>1651</v>
      </c>
      <c r="K14" s="17">
        <v>49.49</v>
      </c>
      <c r="L14" s="17">
        <v>42.48</v>
      </c>
      <c r="M14" s="18">
        <v>45.9</v>
      </c>
      <c r="N14" s="24"/>
      <c r="O14" s="24"/>
      <c r="P14" s="20"/>
      <c r="Q14" s="20"/>
      <c r="R14" s="20"/>
      <c r="S14" s="20"/>
      <c r="T14" s="20"/>
      <c r="U14" s="20"/>
    </row>
    <row r="15" spans="1:21" ht="24" customHeight="1">
      <c r="A15" s="1">
        <f t="shared" si="0"/>
        <v>9</v>
      </c>
      <c r="B15" s="14"/>
      <c r="C15" s="15" t="s">
        <v>16</v>
      </c>
      <c r="D15" s="15"/>
      <c r="E15" s="23">
        <v>2368</v>
      </c>
      <c r="F15" s="23">
        <v>2312</v>
      </c>
      <c r="G15" s="23">
        <v>4680</v>
      </c>
      <c r="H15" s="23">
        <v>1261</v>
      </c>
      <c r="I15" s="23">
        <v>1078</v>
      </c>
      <c r="J15" s="23">
        <v>2339</v>
      </c>
      <c r="K15" s="17">
        <v>53.25</v>
      </c>
      <c r="L15" s="17">
        <v>46.63</v>
      </c>
      <c r="M15" s="18">
        <v>49.98</v>
      </c>
      <c r="N15" s="24"/>
      <c r="O15" s="24"/>
      <c r="P15" s="20"/>
      <c r="Q15" s="20"/>
      <c r="R15" s="20"/>
      <c r="S15" s="20"/>
      <c r="T15" s="20"/>
      <c r="U15" s="20"/>
    </row>
    <row r="16" spans="1:21" ht="24" customHeight="1">
      <c r="A16" s="1">
        <f t="shared" si="0"/>
        <v>10</v>
      </c>
      <c r="B16" s="21"/>
      <c r="C16" s="22" t="s">
        <v>17</v>
      </c>
      <c r="D16" s="22"/>
      <c r="E16" s="23">
        <v>465</v>
      </c>
      <c r="F16" s="23">
        <v>529</v>
      </c>
      <c r="G16" s="23">
        <v>994</v>
      </c>
      <c r="H16" s="23">
        <v>291</v>
      </c>
      <c r="I16" s="23">
        <v>299</v>
      </c>
      <c r="J16" s="23">
        <v>590</v>
      </c>
      <c r="K16" s="17">
        <v>62.58</v>
      </c>
      <c r="L16" s="17">
        <v>56.52</v>
      </c>
      <c r="M16" s="18">
        <v>59.36</v>
      </c>
      <c r="N16" s="24"/>
      <c r="O16" s="24"/>
      <c r="P16" s="20"/>
      <c r="Q16" s="20"/>
      <c r="R16" s="20"/>
      <c r="S16" s="20"/>
      <c r="T16" s="20"/>
      <c r="U16" s="20"/>
    </row>
    <row r="17" spans="1:21" ht="24" customHeight="1">
      <c r="A17" s="1">
        <f t="shared" si="0"/>
        <v>11</v>
      </c>
      <c r="B17" s="21"/>
      <c r="C17" s="22" t="s">
        <v>18</v>
      </c>
      <c r="D17" s="22"/>
      <c r="E17" s="23">
        <v>360</v>
      </c>
      <c r="F17" s="23">
        <v>321</v>
      </c>
      <c r="G17" s="23">
        <v>681</v>
      </c>
      <c r="H17" s="23">
        <v>161</v>
      </c>
      <c r="I17" s="23">
        <v>138</v>
      </c>
      <c r="J17" s="23">
        <v>299</v>
      </c>
      <c r="K17" s="17">
        <v>44.72</v>
      </c>
      <c r="L17" s="17">
        <v>42.99</v>
      </c>
      <c r="M17" s="18">
        <v>43.91</v>
      </c>
      <c r="N17" s="24"/>
      <c r="O17" s="24"/>
      <c r="P17" s="20"/>
      <c r="Q17" s="20"/>
      <c r="R17" s="20"/>
      <c r="S17" s="20"/>
      <c r="T17" s="20"/>
      <c r="U17" s="20"/>
    </row>
    <row r="18" spans="1:21" ht="24" customHeight="1">
      <c r="A18" s="1">
        <f t="shared" si="0"/>
        <v>12</v>
      </c>
      <c r="B18" s="14"/>
      <c r="C18" s="15" t="s">
        <v>19</v>
      </c>
      <c r="D18" s="15"/>
      <c r="E18" s="23">
        <v>1386</v>
      </c>
      <c r="F18" s="23">
        <v>1532</v>
      </c>
      <c r="G18" s="23">
        <v>2918</v>
      </c>
      <c r="H18" s="23">
        <v>697</v>
      </c>
      <c r="I18" s="23">
        <v>639</v>
      </c>
      <c r="J18" s="23">
        <v>1336</v>
      </c>
      <c r="K18" s="17">
        <v>50.29</v>
      </c>
      <c r="L18" s="17">
        <v>41.71</v>
      </c>
      <c r="M18" s="18">
        <v>45.78</v>
      </c>
      <c r="N18" s="24"/>
      <c r="O18" s="24"/>
      <c r="P18" s="20"/>
      <c r="Q18" s="20"/>
      <c r="R18" s="20"/>
      <c r="S18" s="20"/>
      <c r="T18" s="20"/>
      <c r="U18" s="20"/>
    </row>
    <row r="19" spans="1:21" ht="24" customHeight="1">
      <c r="A19" s="1">
        <f t="shared" si="0"/>
        <v>13</v>
      </c>
      <c r="B19" s="21"/>
      <c r="C19" s="22" t="s">
        <v>20</v>
      </c>
      <c r="D19" s="22"/>
      <c r="E19" s="23">
        <v>2178</v>
      </c>
      <c r="F19" s="23">
        <v>2242</v>
      </c>
      <c r="G19" s="23">
        <v>4420</v>
      </c>
      <c r="H19" s="23">
        <v>1020</v>
      </c>
      <c r="I19" s="23">
        <v>927</v>
      </c>
      <c r="J19" s="23">
        <v>1947</v>
      </c>
      <c r="K19" s="17">
        <v>46.83</v>
      </c>
      <c r="L19" s="17">
        <v>41.35</v>
      </c>
      <c r="M19" s="18">
        <v>44.05</v>
      </c>
      <c r="N19" s="24"/>
      <c r="O19" s="24"/>
      <c r="P19" s="20"/>
      <c r="Q19" s="20"/>
      <c r="R19" s="20"/>
      <c r="S19" s="20"/>
      <c r="T19" s="20"/>
      <c r="U19" s="20"/>
    </row>
    <row r="20" spans="1:21" ht="24" customHeight="1">
      <c r="A20" s="1">
        <f t="shared" si="0"/>
        <v>14</v>
      </c>
      <c r="B20" s="14"/>
      <c r="C20" s="15" t="s">
        <v>21</v>
      </c>
      <c r="D20" s="15"/>
      <c r="E20" s="23">
        <v>2016</v>
      </c>
      <c r="F20" s="23">
        <v>2173</v>
      </c>
      <c r="G20" s="23">
        <v>4189</v>
      </c>
      <c r="H20" s="23">
        <v>1019</v>
      </c>
      <c r="I20" s="23">
        <v>968</v>
      </c>
      <c r="J20" s="23">
        <v>1987</v>
      </c>
      <c r="K20" s="17">
        <v>50.55</v>
      </c>
      <c r="L20" s="17">
        <v>44.55</v>
      </c>
      <c r="M20" s="18">
        <v>47.43</v>
      </c>
      <c r="N20" s="24"/>
      <c r="O20" s="24"/>
      <c r="P20" s="20"/>
      <c r="Q20" s="20"/>
      <c r="R20" s="20"/>
      <c r="S20" s="20"/>
      <c r="T20" s="20"/>
      <c r="U20" s="20"/>
    </row>
    <row r="21" spans="1:21" ht="24" customHeight="1">
      <c r="A21" s="1">
        <f t="shared" si="0"/>
        <v>15</v>
      </c>
      <c r="B21" s="21"/>
      <c r="C21" s="22" t="s">
        <v>22</v>
      </c>
      <c r="D21" s="22"/>
      <c r="E21" s="23">
        <v>882</v>
      </c>
      <c r="F21" s="23">
        <v>1001</v>
      </c>
      <c r="G21" s="23">
        <v>1883</v>
      </c>
      <c r="H21" s="23">
        <v>476</v>
      </c>
      <c r="I21" s="23">
        <v>471</v>
      </c>
      <c r="J21" s="23">
        <v>947</v>
      </c>
      <c r="K21" s="17">
        <v>53.97</v>
      </c>
      <c r="L21" s="17">
        <v>47.05</v>
      </c>
      <c r="M21" s="18">
        <v>50.29</v>
      </c>
      <c r="N21" s="24"/>
      <c r="O21" s="24"/>
      <c r="P21" s="20"/>
      <c r="Q21" s="20"/>
      <c r="R21" s="20"/>
      <c r="S21" s="20"/>
      <c r="T21" s="20"/>
      <c r="U21" s="20"/>
    </row>
    <row r="22" spans="1:21" ht="24" customHeight="1">
      <c r="A22" s="1">
        <f t="shared" si="0"/>
        <v>16</v>
      </c>
      <c r="B22" s="14"/>
      <c r="C22" s="15" t="s">
        <v>23</v>
      </c>
      <c r="D22" s="15"/>
      <c r="E22" s="23">
        <v>1215</v>
      </c>
      <c r="F22" s="23">
        <v>1340</v>
      </c>
      <c r="G22" s="23">
        <v>2555</v>
      </c>
      <c r="H22" s="23">
        <v>698</v>
      </c>
      <c r="I22" s="23">
        <v>690</v>
      </c>
      <c r="J22" s="23">
        <v>1388</v>
      </c>
      <c r="K22" s="17">
        <v>57.45</v>
      </c>
      <c r="L22" s="17">
        <v>51.49</v>
      </c>
      <c r="M22" s="18">
        <v>54.32</v>
      </c>
      <c r="N22" s="24"/>
      <c r="O22" s="24"/>
      <c r="P22" s="20"/>
      <c r="Q22" s="20"/>
      <c r="R22" s="20"/>
      <c r="S22" s="20"/>
      <c r="T22" s="20"/>
      <c r="U22" s="20"/>
    </row>
    <row r="23" spans="1:21" ht="24" customHeight="1">
      <c r="A23" s="1">
        <f t="shared" si="0"/>
        <v>17</v>
      </c>
      <c r="B23" s="21"/>
      <c r="C23" s="22" t="s">
        <v>24</v>
      </c>
      <c r="D23" s="22"/>
      <c r="E23" s="23">
        <v>1109</v>
      </c>
      <c r="F23" s="23">
        <v>1163</v>
      </c>
      <c r="G23" s="23">
        <v>2272</v>
      </c>
      <c r="H23" s="23">
        <v>547</v>
      </c>
      <c r="I23" s="23">
        <v>463</v>
      </c>
      <c r="J23" s="23">
        <v>1010</v>
      </c>
      <c r="K23" s="17">
        <v>49.32</v>
      </c>
      <c r="L23" s="17">
        <v>39.81</v>
      </c>
      <c r="M23" s="18">
        <v>44.45</v>
      </c>
      <c r="N23" s="24"/>
      <c r="O23" s="24"/>
      <c r="P23" s="20"/>
      <c r="Q23" s="20"/>
      <c r="R23" s="20"/>
      <c r="S23" s="20"/>
      <c r="T23" s="20"/>
      <c r="U23" s="20"/>
    </row>
    <row r="24" spans="1:21" ht="24" customHeight="1">
      <c r="A24" s="1">
        <f t="shared" si="0"/>
        <v>18</v>
      </c>
      <c r="B24" s="14"/>
      <c r="C24" s="15" t="s">
        <v>25</v>
      </c>
      <c r="D24" s="15"/>
      <c r="E24" s="23">
        <v>358</v>
      </c>
      <c r="F24" s="23">
        <v>398</v>
      </c>
      <c r="G24" s="23">
        <v>756</v>
      </c>
      <c r="H24" s="23">
        <v>205</v>
      </c>
      <c r="I24" s="23">
        <v>193</v>
      </c>
      <c r="J24" s="23">
        <v>398</v>
      </c>
      <c r="K24" s="17">
        <v>57.26</v>
      </c>
      <c r="L24" s="17">
        <v>48.49</v>
      </c>
      <c r="M24" s="18">
        <v>52.65</v>
      </c>
      <c r="N24" s="24"/>
      <c r="O24" s="24"/>
      <c r="P24" s="20"/>
      <c r="Q24" s="20"/>
      <c r="R24" s="20"/>
      <c r="S24" s="20"/>
      <c r="T24" s="20"/>
      <c r="U24" s="20"/>
    </row>
    <row r="25" spans="1:21" ht="24" customHeight="1" thickBot="1">
      <c r="A25" s="1">
        <f t="shared" si="0"/>
        <v>19</v>
      </c>
      <c r="B25" s="25"/>
      <c r="C25" s="26" t="s">
        <v>26</v>
      </c>
      <c r="D25" s="26"/>
      <c r="E25" s="27">
        <v>789</v>
      </c>
      <c r="F25" s="27">
        <v>810</v>
      </c>
      <c r="G25" s="27">
        <v>1599</v>
      </c>
      <c r="H25" s="27">
        <v>366</v>
      </c>
      <c r="I25" s="27">
        <v>323</v>
      </c>
      <c r="J25" s="27">
        <v>689</v>
      </c>
      <c r="K25" s="51">
        <v>46.39</v>
      </c>
      <c r="L25" s="51">
        <v>39.880000000000003</v>
      </c>
      <c r="M25" s="52">
        <v>43.09</v>
      </c>
      <c r="N25" s="24"/>
      <c r="O25" s="24"/>
      <c r="P25" s="20"/>
      <c r="Q25" s="20"/>
      <c r="R25" s="20"/>
      <c r="S25" s="20"/>
      <c r="T25" s="20"/>
      <c r="U25" s="20"/>
    </row>
    <row r="26" spans="1:21" ht="24" customHeight="1" thickTop="1">
      <c r="A26" s="1">
        <f t="shared" si="0"/>
        <v>20</v>
      </c>
      <c r="B26" s="28"/>
      <c r="C26" s="29" t="s">
        <v>27</v>
      </c>
      <c r="D26" s="29"/>
      <c r="E26" s="16">
        <v>321</v>
      </c>
      <c r="F26" s="16">
        <v>324</v>
      </c>
      <c r="G26" s="16">
        <v>645</v>
      </c>
      <c r="H26" s="16">
        <v>201</v>
      </c>
      <c r="I26" s="16">
        <v>153</v>
      </c>
      <c r="J26" s="16">
        <v>354</v>
      </c>
      <c r="K26" s="53">
        <v>62.62</v>
      </c>
      <c r="L26" s="53">
        <v>47.22</v>
      </c>
      <c r="M26" s="54">
        <v>54.88</v>
      </c>
      <c r="N26" s="24"/>
      <c r="O26" s="24"/>
      <c r="P26" s="20"/>
      <c r="Q26" s="20"/>
      <c r="R26" s="20"/>
      <c r="S26" s="20"/>
      <c r="T26" s="20"/>
      <c r="U26" s="20"/>
    </row>
    <row r="27" spans="1:21" ht="24" customHeight="1">
      <c r="A27" s="1">
        <f t="shared" si="0"/>
        <v>21</v>
      </c>
      <c r="B27" s="21"/>
      <c r="C27" s="30" t="s">
        <v>28</v>
      </c>
      <c r="D27" s="30"/>
      <c r="E27" s="23">
        <v>442</v>
      </c>
      <c r="F27" s="23">
        <v>475</v>
      </c>
      <c r="G27" s="23">
        <v>917</v>
      </c>
      <c r="H27" s="23">
        <v>191</v>
      </c>
      <c r="I27" s="23">
        <v>162</v>
      </c>
      <c r="J27" s="23">
        <v>353</v>
      </c>
      <c r="K27" s="17">
        <v>43.21</v>
      </c>
      <c r="L27" s="17">
        <v>34.11</v>
      </c>
      <c r="M27" s="18">
        <v>38.5</v>
      </c>
      <c r="N27" s="24"/>
      <c r="O27" s="24"/>
      <c r="P27" s="20"/>
      <c r="Q27" s="20"/>
      <c r="R27" s="20"/>
      <c r="S27" s="20"/>
      <c r="T27" s="20"/>
      <c r="U27" s="20"/>
    </row>
    <row r="28" spans="1:21" ht="24" customHeight="1">
      <c r="A28" s="1">
        <f t="shared" si="0"/>
        <v>22</v>
      </c>
      <c r="B28" s="21"/>
      <c r="C28" s="30" t="s">
        <v>29</v>
      </c>
      <c r="D28" s="30"/>
      <c r="E28" s="23">
        <v>281</v>
      </c>
      <c r="F28" s="23">
        <v>272</v>
      </c>
      <c r="G28" s="23">
        <v>553</v>
      </c>
      <c r="H28" s="23">
        <v>167</v>
      </c>
      <c r="I28" s="23">
        <v>131</v>
      </c>
      <c r="J28" s="23">
        <v>298</v>
      </c>
      <c r="K28" s="17">
        <v>59.43</v>
      </c>
      <c r="L28" s="17">
        <v>48.16</v>
      </c>
      <c r="M28" s="18">
        <v>53.89</v>
      </c>
      <c r="N28" s="24"/>
      <c r="O28" s="24"/>
      <c r="P28" s="20"/>
      <c r="Q28" s="20"/>
      <c r="R28" s="20"/>
      <c r="S28" s="20"/>
      <c r="T28" s="20"/>
      <c r="U28" s="20"/>
    </row>
    <row r="29" spans="1:21" ht="24" customHeight="1">
      <c r="A29" s="1">
        <f t="shared" si="0"/>
        <v>23</v>
      </c>
      <c r="B29" s="21"/>
      <c r="C29" s="30" t="s">
        <v>30</v>
      </c>
      <c r="D29" s="31"/>
      <c r="E29" s="23">
        <v>231</v>
      </c>
      <c r="F29" s="23">
        <v>238</v>
      </c>
      <c r="G29" s="23">
        <v>469</v>
      </c>
      <c r="H29" s="23">
        <v>143</v>
      </c>
      <c r="I29" s="23">
        <v>123</v>
      </c>
      <c r="J29" s="23">
        <v>266</v>
      </c>
      <c r="K29" s="17">
        <v>61.9</v>
      </c>
      <c r="L29" s="17">
        <v>51.68</v>
      </c>
      <c r="M29" s="18">
        <v>56.72</v>
      </c>
      <c r="N29" s="24"/>
      <c r="O29" s="24"/>
      <c r="P29" s="20"/>
      <c r="Q29" s="20"/>
      <c r="R29" s="20"/>
      <c r="S29" s="20"/>
      <c r="T29" s="20"/>
      <c r="U29" s="20"/>
    </row>
    <row r="30" spans="1:21" ht="24" customHeight="1">
      <c r="A30" s="1">
        <f t="shared" si="0"/>
        <v>24</v>
      </c>
      <c r="B30" s="14"/>
      <c r="C30" s="32" t="s">
        <v>31</v>
      </c>
      <c r="D30" s="32"/>
      <c r="E30" s="23">
        <v>75</v>
      </c>
      <c r="F30" s="23">
        <v>91</v>
      </c>
      <c r="G30" s="23">
        <v>166</v>
      </c>
      <c r="H30" s="23">
        <v>40</v>
      </c>
      <c r="I30" s="23">
        <v>45</v>
      </c>
      <c r="J30" s="23">
        <v>85</v>
      </c>
      <c r="K30" s="17">
        <v>53.33</v>
      </c>
      <c r="L30" s="17">
        <v>49.45</v>
      </c>
      <c r="M30" s="18">
        <v>51.2</v>
      </c>
      <c r="N30" s="24"/>
      <c r="O30" s="24"/>
      <c r="P30" s="20"/>
      <c r="Q30" s="20"/>
      <c r="R30" s="20"/>
      <c r="S30" s="20"/>
      <c r="T30" s="20"/>
      <c r="U30" s="20"/>
    </row>
    <row r="31" spans="1:21" ht="24" customHeight="1">
      <c r="A31" s="1">
        <f t="shared" si="0"/>
        <v>25</v>
      </c>
      <c r="B31" s="21"/>
      <c r="C31" s="30" t="s">
        <v>32</v>
      </c>
      <c r="D31" s="30"/>
      <c r="E31" s="23">
        <v>201</v>
      </c>
      <c r="F31" s="23">
        <v>187</v>
      </c>
      <c r="G31" s="23">
        <v>388</v>
      </c>
      <c r="H31" s="23">
        <v>82</v>
      </c>
      <c r="I31" s="23">
        <v>89</v>
      </c>
      <c r="J31" s="23">
        <v>171</v>
      </c>
      <c r="K31" s="17">
        <v>40.799999999999997</v>
      </c>
      <c r="L31" s="17">
        <v>47.59</v>
      </c>
      <c r="M31" s="18">
        <v>44.07</v>
      </c>
      <c r="N31" s="24"/>
      <c r="O31" s="24"/>
      <c r="P31" s="20"/>
      <c r="Q31" s="20"/>
      <c r="R31" s="20"/>
      <c r="S31" s="20"/>
      <c r="T31" s="20"/>
      <c r="U31" s="20"/>
    </row>
    <row r="32" spans="1:21" ht="24" customHeight="1">
      <c r="A32" s="1">
        <f t="shared" si="0"/>
        <v>26</v>
      </c>
      <c r="B32" s="14"/>
      <c r="C32" s="32" t="s">
        <v>33</v>
      </c>
      <c r="D32" s="32"/>
      <c r="E32" s="23">
        <v>81</v>
      </c>
      <c r="F32" s="23">
        <v>85</v>
      </c>
      <c r="G32" s="23">
        <v>166</v>
      </c>
      <c r="H32" s="23">
        <v>45</v>
      </c>
      <c r="I32" s="23">
        <v>39</v>
      </c>
      <c r="J32" s="23">
        <v>84</v>
      </c>
      <c r="K32" s="17">
        <v>55.56</v>
      </c>
      <c r="L32" s="17">
        <v>45.88</v>
      </c>
      <c r="M32" s="18">
        <v>50.6</v>
      </c>
      <c r="N32" s="24"/>
      <c r="O32" s="24"/>
      <c r="P32" s="20"/>
      <c r="Q32" s="20"/>
      <c r="R32" s="20"/>
      <c r="S32" s="20"/>
      <c r="T32" s="20"/>
      <c r="U32" s="20"/>
    </row>
    <row r="33" spans="1:21" ht="24" customHeight="1">
      <c r="A33" s="1">
        <f t="shared" si="0"/>
        <v>27</v>
      </c>
      <c r="B33" s="21"/>
      <c r="C33" s="30" t="s">
        <v>34</v>
      </c>
      <c r="D33" s="30"/>
      <c r="E33" s="23">
        <v>76</v>
      </c>
      <c r="F33" s="23">
        <v>78</v>
      </c>
      <c r="G33" s="23">
        <v>154</v>
      </c>
      <c r="H33" s="23">
        <v>47</v>
      </c>
      <c r="I33" s="23">
        <v>40</v>
      </c>
      <c r="J33" s="23">
        <v>87</v>
      </c>
      <c r="K33" s="17">
        <v>61.84</v>
      </c>
      <c r="L33" s="17">
        <v>51.28</v>
      </c>
      <c r="M33" s="18">
        <v>56.49</v>
      </c>
      <c r="N33" s="24"/>
      <c r="O33" s="24"/>
      <c r="P33" s="20"/>
      <c r="Q33" s="20"/>
      <c r="R33" s="20"/>
      <c r="S33" s="20"/>
      <c r="T33" s="20"/>
      <c r="U33" s="20"/>
    </row>
    <row r="34" spans="1:21" ht="24" customHeight="1">
      <c r="A34" s="1">
        <f t="shared" si="0"/>
        <v>28</v>
      </c>
      <c r="B34" s="21"/>
      <c r="C34" s="30" t="s">
        <v>35</v>
      </c>
      <c r="D34" s="30"/>
      <c r="E34" s="23">
        <v>192</v>
      </c>
      <c r="F34" s="23">
        <v>204</v>
      </c>
      <c r="G34" s="23">
        <v>396</v>
      </c>
      <c r="H34" s="23">
        <v>105</v>
      </c>
      <c r="I34" s="23">
        <v>117</v>
      </c>
      <c r="J34" s="23">
        <v>222</v>
      </c>
      <c r="K34" s="17">
        <v>54.69</v>
      </c>
      <c r="L34" s="17">
        <v>57.35</v>
      </c>
      <c r="M34" s="18">
        <v>56.06</v>
      </c>
      <c r="N34" s="24"/>
      <c r="O34" s="24"/>
      <c r="P34" s="20"/>
      <c r="Q34" s="20"/>
      <c r="R34" s="20"/>
      <c r="S34" s="20"/>
      <c r="T34" s="20"/>
      <c r="U34" s="20"/>
    </row>
    <row r="35" spans="1:21" ht="24" customHeight="1">
      <c r="A35" s="1">
        <f t="shared" si="0"/>
        <v>29</v>
      </c>
      <c r="B35" s="21"/>
      <c r="C35" s="30" t="s">
        <v>36</v>
      </c>
      <c r="D35" s="30"/>
      <c r="E35" s="23">
        <v>67</v>
      </c>
      <c r="F35" s="23">
        <v>106</v>
      </c>
      <c r="G35" s="23">
        <v>173</v>
      </c>
      <c r="H35" s="23">
        <v>33</v>
      </c>
      <c r="I35" s="23">
        <v>28</v>
      </c>
      <c r="J35" s="23">
        <v>61</v>
      </c>
      <c r="K35" s="17">
        <v>49.25</v>
      </c>
      <c r="L35" s="17">
        <v>26.42</v>
      </c>
      <c r="M35" s="18">
        <v>35.26</v>
      </c>
      <c r="N35" s="24"/>
      <c r="O35" s="24"/>
      <c r="P35" s="20"/>
      <c r="Q35" s="20"/>
      <c r="R35" s="20"/>
      <c r="S35" s="20"/>
      <c r="T35" s="20"/>
      <c r="U35" s="20"/>
    </row>
    <row r="36" spans="1:21" ht="24" customHeight="1">
      <c r="A36" s="1">
        <f t="shared" si="0"/>
        <v>30</v>
      </c>
      <c r="B36" s="14"/>
      <c r="C36" s="32" t="s">
        <v>37</v>
      </c>
      <c r="D36" s="32"/>
      <c r="E36" s="23">
        <v>38</v>
      </c>
      <c r="F36" s="23">
        <v>53</v>
      </c>
      <c r="G36" s="23">
        <v>91</v>
      </c>
      <c r="H36" s="23">
        <v>19</v>
      </c>
      <c r="I36" s="23">
        <v>34</v>
      </c>
      <c r="J36" s="23">
        <v>53</v>
      </c>
      <c r="K36" s="17">
        <v>50</v>
      </c>
      <c r="L36" s="17">
        <v>64.150000000000006</v>
      </c>
      <c r="M36" s="18">
        <v>58.24</v>
      </c>
      <c r="N36" s="24"/>
      <c r="O36" s="24"/>
      <c r="P36" s="20"/>
      <c r="Q36" s="20"/>
      <c r="R36" s="20"/>
      <c r="S36" s="33"/>
      <c r="T36" s="20"/>
      <c r="U36" s="20"/>
    </row>
    <row r="37" spans="1:21" ht="24" customHeight="1">
      <c r="A37" s="1">
        <f t="shared" si="0"/>
        <v>31</v>
      </c>
      <c r="B37" s="21"/>
      <c r="C37" s="30" t="s">
        <v>38</v>
      </c>
      <c r="D37" s="30"/>
      <c r="E37" s="23">
        <v>188</v>
      </c>
      <c r="F37" s="23">
        <v>181</v>
      </c>
      <c r="G37" s="23">
        <v>369</v>
      </c>
      <c r="H37" s="23">
        <v>103</v>
      </c>
      <c r="I37" s="23">
        <v>77</v>
      </c>
      <c r="J37" s="23">
        <v>180</v>
      </c>
      <c r="K37" s="17">
        <v>54.79</v>
      </c>
      <c r="L37" s="17">
        <v>42.54</v>
      </c>
      <c r="M37" s="18">
        <v>48.78</v>
      </c>
      <c r="N37" s="24"/>
      <c r="O37" s="24"/>
      <c r="P37" s="20"/>
      <c r="Q37" s="20"/>
      <c r="R37" s="20"/>
      <c r="S37" s="20"/>
      <c r="T37" s="20"/>
      <c r="U37" s="20"/>
    </row>
    <row r="38" spans="1:21" ht="24" customHeight="1">
      <c r="A38" s="1">
        <f t="shared" si="0"/>
        <v>32</v>
      </c>
      <c r="B38" s="21"/>
      <c r="C38" s="30" t="s">
        <v>39</v>
      </c>
      <c r="D38" s="30"/>
      <c r="E38" s="23">
        <v>328</v>
      </c>
      <c r="F38" s="23">
        <v>376</v>
      </c>
      <c r="G38" s="23">
        <v>704</v>
      </c>
      <c r="H38" s="23">
        <v>133</v>
      </c>
      <c r="I38" s="23">
        <v>141</v>
      </c>
      <c r="J38" s="23">
        <v>274</v>
      </c>
      <c r="K38" s="17">
        <v>40.549999999999997</v>
      </c>
      <c r="L38" s="17">
        <v>37.5</v>
      </c>
      <c r="M38" s="18">
        <v>38.92</v>
      </c>
      <c r="N38" s="24"/>
      <c r="O38" s="24"/>
      <c r="P38" s="20"/>
      <c r="Q38" s="20"/>
      <c r="R38" s="20"/>
      <c r="S38" s="20"/>
      <c r="T38" s="20"/>
      <c r="U38" s="20"/>
    </row>
    <row r="39" spans="1:21" ht="24" customHeight="1" thickBot="1">
      <c r="A39" s="1">
        <f t="shared" si="0"/>
        <v>33</v>
      </c>
      <c r="B39" s="25"/>
      <c r="C39" s="34" t="s">
        <v>40</v>
      </c>
      <c r="D39" s="34"/>
      <c r="E39" s="27">
        <v>19</v>
      </c>
      <c r="F39" s="27">
        <v>25</v>
      </c>
      <c r="G39" s="27">
        <v>44</v>
      </c>
      <c r="H39" s="27">
        <v>12</v>
      </c>
      <c r="I39" s="27">
        <v>13</v>
      </c>
      <c r="J39" s="27">
        <v>25</v>
      </c>
      <c r="K39" s="51">
        <v>63.16</v>
      </c>
      <c r="L39" s="51">
        <v>52</v>
      </c>
      <c r="M39" s="52">
        <v>56.82</v>
      </c>
      <c r="N39" s="24"/>
      <c r="O39" s="24"/>
      <c r="P39" s="20"/>
      <c r="Q39" s="20"/>
      <c r="R39" s="20"/>
      <c r="S39" s="20"/>
      <c r="T39" s="20"/>
      <c r="U39" s="20"/>
    </row>
    <row r="40" spans="1:21" ht="24" customHeight="1" thickTop="1">
      <c r="B40" s="14"/>
      <c r="C40" s="32" t="s">
        <v>41</v>
      </c>
      <c r="D40" s="32"/>
      <c r="E40" s="40">
        <v>78449</v>
      </c>
      <c r="F40" s="40">
        <v>83085</v>
      </c>
      <c r="G40" s="16">
        <v>161534</v>
      </c>
      <c r="H40" s="40">
        <v>40709</v>
      </c>
      <c r="I40" s="40">
        <v>37109</v>
      </c>
      <c r="J40" s="16">
        <v>77818</v>
      </c>
      <c r="K40" s="55">
        <v>51.89</v>
      </c>
      <c r="L40" s="55">
        <v>44.66</v>
      </c>
      <c r="M40" s="56">
        <v>48.17</v>
      </c>
      <c r="N40" s="24"/>
      <c r="O40" s="41"/>
      <c r="P40" s="20"/>
      <c r="Q40" s="20"/>
      <c r="R40" s="20"/>
      <c r="S40" s="20"/>
      <c r="T40" s="20"/>
      <c r="U40" s="20"/>
    </row>
    <row r="41" spans="1:21" ht="24" customHeight="1">
      <c r="B41" s="21"/>
      <c r="C41" s="30" t="s">
        <v>42</v>
      </c>
      <c r="D41" s="30"/>
      <c r="E41" s="42">
        <v>2540</v>
      </c>
      <c r="F41" s="42">
        <v>2695</v>
      </c>
      <c r="G41" s="23">
        <v>5235</v>
      </c>
      <c r="H41" s="42">
        <v>1321</v>
      </c>
      <c r="I41" s="42">
        <v>1192</v>
      </c>
      <c r="J41" s="23">
        <v>2513</v>
      </c>
      <c r="K41" s="43">
        <v>52.01</v>
      </c>
      <c r="L41" s="43">
        <v>44.23</v>
      </c>
      <c r="M41" s="50">
        <v>48</v>
      </c>
      <c r="N41" s="24"/>
      <c r="O41" s="41"/>
      <c r="P41" s="20"/>
      <c r="Q41" s="20"/>
      <c r="R41" s="20"/>
      <c r="S41" s="20"/>
      <c r="T41" s="20"/>
      <c r="U41" s="20"/>
    </row>
    <row r="42" spans="1:21" ht="24" customHeight="1" thickBot="1">
      <c r="B42" s="44"/>
      <c r="C42" s="45" t="s">
        <v>43</v>
      </c>
      <c r="D42" s="46"/>
      <c r="E42" s="47">
        <v>80989</v>
      </c>
      <c r="F42" s="47">
        <v>85780</v>
      </c>
      <c r="G42" s="64">
        <v>166769</v>
      </c>
      <c r="H42" s="47">
        <v>42030</v>
      </c>
      <c r="I42" s="47">
        <v>38301</v>
      </c>
      <c r="J42" s="64">
        <v>80331</v>
      </c>
      <c r="K42" s="57">
        <v>51.9</v>
      </c>
      <c r="L42" s="48">
        <v>44.65</v>
      </c>
      <c r="M42" s="49">
        <v>48.17</v>
      </c>
      <c r="N42" s="24"/>
      <c r="O42" s="41"/>
      <c r="P42" s="20"/>
      <c r="Q42" s="20"/>
      <c r="R42" s="20"/>
      <c r="S42" s="20"/>
      <c r="T42" s="20"/>
      <c r="U42" s="20"/>
    </row>
    <row r="43" spans="1:21" ht="10.5" customHeight="1">
      <c r="N43" s="24"/>
      <c r="P43" s="20"/>
      <c r="Q43" s="20"/>
      <c r="R43" s="20"/>
      <c r="S43" s="20"/>
      <c r="T43" s="20"/>
      <c r="U43" s="20"/>
    </row>
    <row r="44" spans="1:21">
      <c r="N44" s="24"/>
      <c r="P44" s="20"/>
      <c r="Q44" s="20"/>
      <c r="R44" s="20"/>
      <c r="S44" s="20"/>
      <c r="T44" s="20"/>
      <c r="U44" s="20"/>
    </row>
    <row r="45" spans="1:21">
      <c r="N45" s="24"/>
      <c r="P45" s="20"/>
      <c r="Q45" s="20"/>
      <c r="R45" s="20"/>
      <c r="S45" s="20"/>
      <c r="T45" s="20"/>
      <c r="U45" s="20"/>
    </row>
    <row r="46" spans="1:21">
      <c r="N46" s="24"/>
      <c r="P46" s="20"/>
      <c r="Q46" s="20"/>
      <c r="R46" s="20"/>
      <c r="S46" s="20"/>
      <c r="T46" s="20"/>
      <c r="U46" s="20"/>
    </row>
    <row r="47" spans="1:21">
      <c r="N47" s="24"/>
      <c r="P47" s="20"/>
      <c r="Q47" s="20"/>
      <c r="R47" s="20"/>
      <c r="S47" s="20"/>
      <c r="T47" s="20"/>
      <c r="U47" s="20"/>
    </row>
    <row r="48" spans="1:21">
      <c r="N48" s="24"/>
      <c r="P48" s="20"/>
      <c r="Q48" s="20"/>
      <c r="R48" s="20"/>
      <c r="S48" s="20"/>
      <c r="T48" s="20"/>
      <c r="U48" s="20"/>
    </row>
    <row r="49" spans="14:21">
      <c r="N49" s="24"/>
      <c r="P49" s="20"/>
      <c r="Q49" s="20"/>
      <c r="R49" s="20"/>
      <c r="S49" s="20"/>
      <c r="T49" s="20"/>
      <c r="U49" s="20"/>
    </row>
    <row r="50" spans="14:21">
      <c r="N50" s="24"/>
      <c r="P50" s="20"/>
      <c r="Q50" s="20"/>
      <c r="R50" s="20"/>
      <c r="S50" s="20"/>
      <c r="T50" s="20"/>
      <c r="U50" s="20"/>
    </row>
    <row r="51" spans="14:21">
      <c r="N51" s="24"/>
    </row>
    <row r="52" spans="14:21">
      <c r="N52" s="24"/>
    </row>
    <row r="53" spans="14:21">
      <c r="N53" s="24"/>
    </row>
    <row r="54" spans="14:21">
      <c r="N54" s="24"/>
    </row>
    <row r="55" spans="14:21">
      <c r="N55" s="24"/>
    </row>
    <row r="56" spans="14:21">
      <c r="N56" s="24"/>
    </row>
  </sheetData>
  <mergeCells count="4">
    <mergeCell ref="B2:M2"/>
    <mergeCell ref="E5:G5"/>
    <mergeCell ref="H5:J5"/>
    <mergeCell ref="K5:M5"/>
  </mergeCells>
  <phoneticPr fontId="3"/>
  <pageMargins left="0.9055118110236221" right="0.51181102362204722" top="0.74803149606299213" bottom="0.74803149606299213" header="0.31496062992125984" footer="0.31496062992125984"/>
  <pageSetup paperSize="9" scale="83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11-29T04:25:07Z</cp:lastPrinted>
  <dcterms:created xsi:type="dcterms:W3CDTF">2019-08-22T00:44:37Z</dcterms:created>
  <dcterms:modified xsi:type="dcterms:W3CDTF">2022-01-04T23:56:37Z</dcterms:modified>
</cp:coreProperties>
</file>